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8_{4DC15EFA-CE45-4946-997A-2C6E8EFFE04C}" xr6:coauthVersionLast="47" xr6:coauthVersionMax="47" xr10:uidLastSave="{00000000-0000-0000-0000-000000000000}"/>
  <bookViews>
    <workbookView xWindow="-120" yWindow="-120" windowWidth="29040" windowHeight="15720" xr2:uid="{98535F7B-9062-436E-9FAC-A5D8F8F88D19}"/>
  </bookViews>
  <sheets>
    <sheet name="３．（２）大沢野～細入地域人口増減率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2"/>
      <color theme="1"/>
      <name val="BIZ UD明朝 Medium"/>
      <family val="2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horzOverflow="overflow" anchor="ctr" anchorCtr="1"/>
          <a:lstStyle/>
          <a:p>
            <a:pPr algn="ctr" rtl="0">
              <a:defRPr sz="1320">
                <a:solidFill>
                  <a:srgbClr val="000000"/>
                </a:solidFill>
              </a:defRPr>
            </a:pPr>
            <a:r>
              <a:rPr lang="ja-JP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大沢野、大山、八尾、婦中、山田、細入地域地区別人口増減率（</a:t>
            </a:r>
            <a:r>
              <a:rPr lang="en-US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R</a:t>
            </a:r>
            <a:r>
              <a:rPr lang="en-US" altLang="ja-JP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7</a:t>
            </a:r>
            <a:r>
              <a:rPr lang="ja-JP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/</a:t>
            </a:r>
            <a:r>
              <a:rPr lang="en-US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R</a:t>
            </a:r>
            <a:r>
              <a:rPr lang="en-US" altLang="ja-JP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6</a:t>
            </a:r>
            <a:r>
              <a:rPr lang="ja-JP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）</a:t>
            </a:r>
          </a:p>
        </c:rich>
      </c:tx>
      <c:layout>
        <c:manualLayout>
          <c:xMode val="edge"/>
          <c:yMode val="edge"/>
          <c:x val="0.20785935158914853"/>
          <c:y val="2.7683585705632948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4.8483316063033487E-2"/>
          <c:y val="0.12620425670706753"/>
          <c:w val="0.90692864529472594"/>
          <c:h val="0.82372881355932204"/>
        </c:manualLayout>
      </c:layout>
      <c:barChart>
        <c:barDir val="col"/>
        <c:grouping val="clustered"/>
        <c:varyColors val="0"/>
        <c:ser>
          <c:idx val="13"/>
          <c:order val="0"/>
          <c:tx>
            <c:strRef>
              <c:f>'[1]地区別人口・世帯集計表 (集計用)'!$I$2</c:f>
              <c:strCache>
                <c:ptCount val="1"/>
                <c:pt idx="0">
                  <c:v>人口の
増減率
（R07/R06）</c:v>
                </c:pt>
              </c:strCache>
            </c:strRef>
          </c:tx>
          <c:spPr>
            <a:solidFill>
              <a:srgbClr val="99CCFF"/>
            </a:solidFill>
            <a:ln w="25400">
              <a:noFill/>
            </a:ln>
          </c:spPr>
          <c:invertIfNegative val="0"/>
          <c:dPt>
            <c:idx val="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0-D8B6-442A-90C4-A6E2609D8CB8}"/>
              </c:ext>
            </c:extLst>
          </c:dPt>
          <c:dPt>
            <c:idx val="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1-D8B6-442A-90C4-A6E2609D8CB8}"/>
              </c:ext>
            </c:extLst>
          </c:dPt>
          <c:dPt>
            <c:idx val="2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2-D8B6-442A-90C4-A6E2609D8CB8}"/>
              </c:ext>
            </c:extLst>
          </c:dPt>
          <c:dPt>
            <c:idx val="3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3-D8B6-442A-90C4-A6E2609D8CB8}"/>
              </c:ext>
            </c:extLst>
          </c:dPt>
          <c:dPt>
            <c:idx val="4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4-D8B6-442A-90C4-A6E2609D8CB8}"/>
              </c:ext>
            </c:extLst>
          </c:dPt>
          <c:dPt>
            <c:idx val="5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5-D8B6-442A-90C4-A6E2609D8CB8}"/>
              </c:ext>
            </c:extLst>
          </c:dPt>
          <c:dPt>
            <c:idx val="6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6-D8B6-442A-90C4-A6E2609D8CB8}"/>
              </c:ext>
            </c:extLst>
          </c:dPt>
          <c:dPt>
            <c:idx val="7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7-D8B6-442A-90C4-A6E2609D8CB8}"/>
              </c:ext>
            </c:extLst>
          </c:dPt>
          <c:dPt>
            <c:idx val="8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8-D8B6-442A-90C4-A6E2609D8CB8}"/>
              </c:ext>
            </c:extLst>
          </c:dPt>
          <c:dPt>
            <c:idx val="9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9-D8B6-442A-90C4-A6E2609D8CB8}"/>
              </c:ext>
            </c:extLst>
          </c:dPt>
          <c:dPt>
            <c:idx val="1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A-D8B6-442A-90C4-A6E2609D8CB8}"/>
              </c:ext>
            </c:extLst>
          </c:dPt>
          <c:dPt>
            <c:idx val="1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B-D8B6-442A-90C4-A6E2609D8CB8}"/>
              </c:ext>
            </c:extLst>
          </c:dPt>
          <c:dPt>
            <c:idx val="12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C-D8B6-442A-90C4-A6E2609D8CB8}"/>
              </c:ext>
            </c:extLst>
          </c:dPt>
          <c:dPt>
            <c:idx val="13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D-D8B6-442A-90C4-A6E2609D8CB8}"/>
              </c:ext>
            </c:extLst>
          </c:dPt>
          <c:dPt>
            <c:idx val="14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E-D8B6-442A-90C4-A6E2609D8CB8}"/>
              </c:ext>
            </c:extLst>
          </c:dPt>
          <c:dPt>
            <c:idx val="15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F-D8B6-442A-90C4-A6E2609D8CB8}"/>
              </c:ext>
            </c:extLst>
          </c:dPt>
          <c:dPt>
            <c:idx val="16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0-D8B6-442A-90C4-A6E2609D8CB8}"/>
              </c:ext>
            </c:extLst>
          </c:dPt>
          <c:dPt>
            <c:idx val="17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1-D8B6-442A-90C4-A6E2609D8CB8}"/>
              </c:ext>
            </c:extLst>
          </c:dPt>
          <c:dPt>
            <c:idx val="18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2-D8B6-442A-90C4-A6E2609D8CB8}"/>
              </c:ext>
            </c:extLst>
          </c:dPt>
          <c:dPt>
            <c:idx val="19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3-D8B6-442A-90C4-A6E2609D8CB8}"/>
              </c:ext>
            </c:extLst>
          </c:dPt>
          <c:dPt>
            <c:idx val="2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4-D8B6-442A-90C4-A6E2609D8CB8}"/>
              </c:ext>
            </c:extLst>
          </c:dPt>
          <c:dPt>
            <c:idx val="2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5-D8B6-442A-90C4-A6E2609D8CB8}"/>
              </c:ext>
            </c:extLst>
          </c:dPt>
          <c:dPt>
            <c:idx val="22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6-D8B6-442A-90C4-A6E2609D8CB8}"/>
              </c:ext>
            </c:extLst>
          </c:dPt>
          <c:dPt>
            <c:idx val="23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7-D8B6-442A-90C4-A6E2609D8CB8}"/>
              </c:ext>
            </c:extLst>
          </c:dPt>
          <c:dPt>
            <c:idx val="24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8-D8B6-442A-90C4-A6E2609D8CB8}"/>
              </c:ext>
            </c:extLst>
          </c:dPt>
          <c:dPt>
            <c:idx val="25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9-D8B6-442A-90C4-A6E2609D8CB8}"/>
              </c:ext>
            </c:extLst>
          </c:dPt>
          <c:dPt>
            <c:idx val="26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A-D8B6-442A-90C4-A6E2609D8CB8}"/>
              </c:ext>
            </c:extLst>
          </c:dPt>
          <c:dPt>
            <c:idx val="27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B-D8B6-442A-90C4-A6E2609D8CB8}"/>
              </c:ext>
            </c:extLst>
          </c:dPt>
          <c:dPt>
            <c:idx val="28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C-D8B6-442A-90C4-A6E2609D8CB8}"/>
              </c:ext>
            </c:extLst>
          </c:dPt>
          <c:dPt>
            <c:idx val="29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D-D8B6-442A-90C4-A6E2609D8CB8}"/>
              </c:ext>
            </c:extLst>
          </c:dPt>
          <c:dPt>
            <c:idx val="3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E-D8B6-442A-90C4-A6E2609D8CB8}"/>
              </c:ext>
            </c:extLst>
          </c:dPt>
          <c:dPt>
            <c:idx val="3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1F-D8B6-442A-90C4-A6E2609D8CB8}"/>
              </c:ext>
            </c:extLst>
          </c:dPt>
          <c:dLbls>
            <c:dLbl>
              <c:idx val="0"/>
              <c:layout>
                <c:manualLayout>
                  <c:x val="-1.2576294393460924E-3"/>
                  <c:y val="-1.389045302514208E-2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D8B6-442A-90C4-A6E2609D8CB8}"/>
                </c:ext>
              </c:extLst>
            </c:dLbl>
            <c:dLbl>
              <c:idx val="1"/>
              <c:layout>
                <c:manualLayout>
                  <c:x val="-1.3612832684553246E-3"/>
                  <c:y val="-1.1887706826615248E-2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D8B6-442A-90C4-A6E2609D8CB8}"/>
                </c:ext>
              </c:extLst>
            </c:dLbl>
            <c:dLbl>
              <c:idx val="2"/>
              <c:layout>
                <c:manualLayout>
                  <c:x val="-6.0292995290482307E-3"/>
                  <c:y val="-5.2124199598138025E-4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D8B6-442A-90C4-A6E2609D8CB8}"/>
                </c:ext>
              </c:extLst>
            </c:dLbl>
            <c:dLbl>
              <c:idx val="3"/>
              <c:layout>
                <c:manualLayout>
                  <c:x val="-1.3873956645900328E-3"/>
                  <c:y val="2.0930012856374175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D8B6-442A-90C4-A6E2609D8CB8}"/>
                </c:ext>
              </c:extLst>
            </c:dLbl>
            <c:dLbl>
              <c:idx val="4"/>
              <c:layout>
                <c:manualLayout>
                  <c:x val="6.2876301218848827E-5"/>
                  <c:y val="-3.9994707578317069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D8B6-442A-90C4-A6E2609D8CB8}"/>
                </c:ext>
              </c:extLst>
            </c:dLbl>
            <c:dLbl>
              <c:idx val="5"/>
              <c:layout>
                <c:manualLayout>
                  <c:x val="-2.3851470971451233E-3"/>
                  <c:y val="-4.4046841562645047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D8B6-442A-90C4-A6E2609D8CB8}"/>
                </c:ext>
              </c:extLst>
            </c:dLbl>
            <c:dLbl>
              <c:idx val="6"/>
              <c:layout>
                <c:manualLayout>
                  <c:x val="-7.2191369006182676E-6"/>
                  <c:y val="8.8291964968508496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D8B6-442A-90C4-A6E2609D8CB8}"/>
                </c:ext>
              </c:extLst>
            </c:dLbl>
            <c:dLbl>
              <c:idx val="7"/>
              <c:layout>
                <c:manualLayout>
                  <c:x val="-1.5664213928223147E-3"/>
                  <c:y val="7.2024447648269315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4.4679384370710062E-2"/>
                      <c:h val="4.353340808924705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07-D8B6-442A-90C4-A6E2609D8CB8}"/>
                </c:ext>
              </c:extLst>
            </c:dLbl>
            <c:dLbl>
              <c:idx val="8"/>
              <c:layout>
                <c:manualLayout>
                  <c:x val="-3.8065477571689087E-3"/>
                  <c:y val="-1.6394092758902939E-2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D8B6-442A-90C4-A6E2609D8CB8}"/>
                </c:ext>
              </c:extLst>
            </c:dLbl>
            <c:dLbl>
              <c:idx val="9"/>
              <c:layout>
                <c:manualLayout>
                  <c:x val="-5.0039226332442959E-17"/>
                  <c:y val="-4.4441158470214697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D8B6-442A-90C4-A6E2609D8CB8}"/>
                </c:ext>
              </c:extLst>
            </c:dLbl>
            <c:dLbl>
              <c:idx val="10"/>
              <c:layout>
                <c:manualLayout>
                  <c:x val="-1.3814854514731206E-3"/>
                  <c:y val="2.27586575152292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D8B6-442A-90C4-A6E2609D8CB8}"/>
                </c:ext>
              </c:extLst>
            </c:dLbl>
            <c:dLbl>
              <c:idx val="11"/>
              <c:layout>
                <c:manualLayout>
                  <c:x val="1.4077053060281488E-5"/>
                  <c:y val="2.26305045202683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D8B6-442A-90C4-A6E2609D8CB8}"/>
                </c:ext>
              </c:extLst>
            </c:dLbl>
            <c:dLbl>
              <c:idx val="12"/>
              <c:layout>
                <c:manualLayout>
                  <c:x val="-2.6244650860722789E-3"/>
                  <c:y val="1.9555805817356065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C-D8B6-442A-90C4-A6E2609D8CB8}"/>
                </c:ext>
              </c:extLst>
            </c:dLbl>
            <c:dLbl>
              <c:idx val="13"/>
              <c:layout>
                <c:manualLayout>
                  <c:x val="-1.3647219379052018E-3"/>
                  <c:y val="3.9068590604578179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D8B6-442A-90C4-A6E2609D8CB8}"/>
                </c:ext>
              </c:extLst>
            </c:dLbl>
            <c:dLbl>
              <c:idx val="14"/>
              <c:layout>
                <c:manualLayout>
                  <c:x val="0"/>
                  <c:y val="-4.29045856822802E-2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E-D8B6-442A-90C4-A6E2609D8CB8}"/>
                </c:ext>
              </c:extLst>
            </c:dLbl>
            <c:dLbl>
              <c:idx val="15"/>
              <c:layout>
                <c:manualLayout>
                  <c:x val="-1.3133701076963489E-3"/>
                  <c:y val="-3.9030071416922825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F-D8B6-442A-90C4-A6E2609D8CB8}"/>
                </c:ext>
              </c:extLst>
            </c:dLbl>
            <c:dLbl>
              <c:idx val="16"/>
              <c:layout>
                <c:manualLayout>
                  <c:x val="-2.6293255896204463E-3"/>
                  <c:y val="7.813245208358334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D8B6-442A-90C4-A6E2609D8CB8}"/>
                </c:ext>
              </c:extLst>
            </c:dLbl>
            <c:dLbl>
              <c:idx val="17"/>
              <c:layout>
                <c:manualLayout>
                  <c:x val="1.3107358630318703E-3"/>
                  <c:y val="2.8819896780837972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D8B6-442A-90C4-A6E2609D8CB8}"/>
                </c:ext>
              </c:extLst>
            </c:dLbl>
            <c:dLbl>
              <c:idx val="18"/>
              <c:layout>
                <c:manualLayout>
                  <c:x val="-5.2654625950671212E-6"/>
                  <c:y val="-2.9959212844873264E-2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2-D8B6-442A-90C4-A6E2609D8CB8}"/>
                </c:ext>
              </c:extLst>
            </c:dLbl>
            <c:dLbl>
              <c:idx val="19"/>
              <c:layout>
                <c:manualLayout>
                  <c:x val="-1.1771725933785464E-3"/>
                  <c:y val="-2.5414547390251483E-2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D8B6-442A-90C4-A6E2609D8CB8}"/>
                </c:ext>
              </c:extLst>
            </c:dLbl>
            <c:dLbl>
              <c:idx val="20"/>
              <c:layout>
                <c:manualLayout>
                  <c:x val="-1.3159358150855503E-3"/>
                  <c:y val="-6.4229295281750991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4-D8B6-442A-90C4-A6E2609D8CB8}"/>
                </c:ext>
              </c:extLst>
            </c:dLbl>
            <c:dLbl>
              <c:idx val="21"/>
              <c:layout>
                <c:manualLayout>
                  <c:x val="-7.8713292875238084E-4"/>
                  <c:y val="-1.9698265416353472E-2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D8B6-442A-90C4-A6E2609D8CB8}"/>
                </c:ext>
              </c:extLst>
            </c:dLbl>
            <c:dLbl>
              <c:idx val="22"/>
              <c:layout>
                <c:manualLayout>
                  <c:x val="-1.3778318651826659E-3"/>
                  <c:y val="-2.1063094812678933E-4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6-D8B6-442A-90C4-A6E2609D8CB8}"/>
                </c:ext>
              </c:extLst>
            </c:dLbl>
            <c:dLbl>
              <c:idx val="23"/>
              <c:layout>
                <c:manualLayout>
                  <c:x val="2.5790020872797359E-6"/>
                  <c:y val="-2.6107065255340737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7-D8B6-442A-90C4-A6E2609D8CB8}"/>
                </c:ext>
              </c:extLst>
            </c:dLbl>
            <c:dLbl>
              <c:idx val="24"/>
              <c:layout>
                <c:manualLayout>
                  <c:x val="-2.585374227845031E-6"/>
                  <c:y val="6.9936890948420431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8-D8B6-442A-90C4-A6E2609D8CB8}"/>
                </c:ext>
              </c:extLst>
            </c:dLbl>
            <c:dLbl>
              <c:idx val="25"/>
              <c:layout>
                <c:manualLayout>
                  <c:x val="-1.2453230580220988E-3"/>
                  <c:y val="6.4815242174446836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9-D8B6-442A-90C4-A6E2609D8CB8}"/>
                </c:ext>
              </c:extLst>
            </c:dLbl>
            <c:dLbl>
              <c:idx val="26"/>
              <c:layout>
                <c:manualLayout>
                  <c:x val="-1.3107847334686E-3"/>
                  <c:y val="1.9452726674112982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A-D8B6-442A-90C4-A6E2609D8CB8}"/>
                </c:ext>
              </c:extLst>
            </c:dLbl>
            <c:dLbl>
              <c:idx val="27"/>
              <c:layout>
                <c:manualLayout>
                  <c:x val="-2.6781862093235298E-3"/>
                  <c:y val="-6.1227557822877776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B-D8B6-442A-90C4-A6E2609D8CB8}"/>
                </c:ext>
              </c:extLst>
            </c:dLbl>
            <c:dLbl>
              <c:idx val="28"/>
              <c:layout>
                <c:manualLayout>
                  <c:x val="-1.3195894013762052E-3"/>
                  <c:y val="2.6885841147791562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C-D8B6-442A-90C4-A6E2609D8CB8}"/>
                </c:ext>
              </c:extLst>
            </c:dLbl>
            <c:dLbl>
              <c:idx val="29"/>
              <c:layout>
                <c:manualLayout>
                  <c:x val="-1.3133568129981704E-3"/>
                  <c:y val="-8.4891501238401543E-3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D-D8B6-442A-90C4-A6E2609D8CB8}"/>
                </c:ext>
              </c:extLst>
            </c:dLbl>
            <c:dLbl>
              <c:idx val="30"/>
              <c:layout>
                <c:manualLayout>
                  <c:x val="-1.3133568129981704E-3"/>
                  <c:y val="1.0442004608578857E-2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E-D8B6-442A-90C4-A6E2609D8CB8}"/>
                </c:ext>
              </c:extLst>
            </c:dLbl>
            <c:dLbl>
              <c:idx val="31"/>
              <c:layout>
                <c:manualLayout>
                  <c:x val="-3.2642644336808926E-3"/>
                  <c:y val="2.195030785471065E-4"/>
                </c:manualLayout>
              </c:layout>
              <c:spPr>
                <a:noFill/>
                <a:ln w="25400">
                  <a:noFill/>
                </a:ln>
              </c:spPr>
              <c:txPr>
                <a:bodyPr horzOverflow="overflow"/>
                <a:lstStyle/>
                <a:p>
                  <a:pPr>
                    <a:defRPr sz="1100">
                      <a:solidFill>
                        <a:srgbClr val="000000"/>
                      </a:solidFill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F-D8B6-442A-90C4-A6E2609D8CB8}"/>
                </c:ext>
              </c:extLst>
            </c:dLbl>
            <c:spPr>
              <a:noFill/>
              <a:ln w="25400">
                <a:noFill/>
              </a:ln>
            </c:spPr>
            <c:txPr>
              <a:bodyPr rot="0" horzOverflow="overflow" anchor="ctr" anchorCtr="1"/>
              <a:lstStyle/>
              <a:p>
                <a:pPr algn="ctr" rtl="0">
                  <a:defRPr sz="1100">
                    <a:solidFill>
                      <a:srgbClr val="000000"/>
                    </a:solidFill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1]地区別人口・世帯集計表 (集計用)'!$A$53:$A$84</c:f>
              <c:strCache>
                <c:ptCount val="32"/>
                <c:pt idx="0">
                  <c:v>下タ</c:v>
                </c:pt>
                <c:pt idx="1">
                  <c:v>小羽</c:v>
                </c:pt>
                <c:pt idx="2">
                  <c:v>船峅</c:v>
                </c:pt>
                <c:pt idx="3">
                  <c:v>大沢野</c:v>
                </c:pt>
                <c:pt idx="4">
                  <c:v>大久保</c:v>
                </c:pt>
                <c:pt idx="5">
                  <c:v>上滝</c:v>
                </c:pt>
                <c:pt idx="6">
                  <c:v>大山</c:v>
                </c:pt>
                <c:pt idx="7">
                  <c:v>大庄</c:v>
                </c:pt>
                <c:pt idx="8">
                  <c:v>福沢</c:v>
                </c:pt>
                <c:pt idx="9">
                  <c:v>八尾</c:v>
                </c:pt>
                <c:pt idx="10">
                  <c:v>保内</c:v>
                </c:pt>
                <c:pt idx="11">
                  <c:v>杉原</c:v>
                </c:pt>
                <c:pt idx="12">
                  <c:v>卯花</c:v>
                </c:pt>
                <c:pt idx="13">
                  <c:v>室牧</c:v>
                </c:pt>
                <c:pt idx="14">
                  <c:v>黒瀬谷</c:v>
                </c:pt>
                <c:pt idx="15">
                  <c:v>野積</c:v>
                </c:pt>
                <c:pt idx="16">
                  <c:v>仁歩</c:v>
                </c:pt>
                <c:pt idx="17">
                  <c:v>大長谷</c:v>
                </c:pt>
                <c:pt idx="18">
                  <c:v>速星</c:v>
                </c:pt>
                <c:pt idx="19">
                  <c:v>鵜坂</c:v>
                </c:pt>
                <c:pt idx="20">
                  <c:v>朝日</c:v>
                </c:pt>
                <c:pt idx="21">
                  <c:v>宮川</c:v>
                </c:pt>
                <c:pt idx="22">
                  <c:v>婦中熊野</c:v>
                </c:pt>
                <c:pt idx="23">
                  <c:v>古里</c:v>
                </c:pt>
                <c:pt idx="24">
                  <c:v>音川</c:v>
                </c:pt>
                <c:pt idx="25">
                  <c:v>神保</c:v>
                </c:pt>
                <c:pt idx="26">
                  <c:v>山田南部</c:v>
                </c:pt>
                <c:pt idx="27">
                  <c:v>山田中部</c:v>
                </c:pt>
                <c:pt idx="28">
                  <c:v>山田西部</c:v>
                </c:pt>
                <c:pt idx="29">
                  <c:v>山田東部</c:v>
                </c:pt>
                <c:pt idx="30">
                  <c:v>細入北部</c:v>
                </c:pt>
                <c:pt idx="31">
                  <c:v>細入南部</c:v>
                </c:pt>
              </c:strCache>
            </c:strRef>
          </c:cat>
          <c:val>
            <c:numRef>
              <c:f>'[1]地区別人口・世帯集計表 (集計用)'!$I$53:$I$84</c:f>
              <c:numCache>
                <c:formatCode>#,##0.0_ </c:formatCode>
                <c:ptCount val="32"/>
                <c:pt idx="0">
                  <c:v>-5.2</c:v>
                </c:pt>
                <c:pt idx="1">
                  <c:v>-7</c:v>
                </c:pt>
                <c:pt idx="2">
                  <c:v>-3.5</c:v>
                </c:pt>
                <c:pt idx="3">
                  <c:v>-1.5</c:v>
                </c:pt>
                <c:pt idx="4">
                  <c:v>0.8</c:v>
                </c:pt>
                <c:pt idx="5">
                  <c:v>-3.3</c:v>
                </c:pt>
                <c:pt idx="6">
                  <c:v>-2.6</c:v>
                </c:pt>
                <c:pt idx="7">
                  <c:v>-2.2000000000000002</c:v>
                </c:pt>
                <c:pt idx="8">
                  <c:v>-0.9</c:v>
                </c:pt>
                <c:pt idx="9">
                  <c:v>-3.3</c:v>
                </c:pt>
                <c:pt idx="10">
                  <c:v>-3.1</c:v>
                </c:pt>
                <c:pt idx="11">
                  <c:v>-1.3</c:v>
                </c:pt>
                <c:pt idx="12">
                  <c:v>-2.1</c:v>
                </c:pt>
                <c:pt idx="13">
                  <c:v>-3.6</c:v>
                </c:pt>
                <c:pt idx="14">
                  <c:v>0</c:v>
                </c:pt>
                <c:pt idx="15">
                  <c:v>-5.8</c:v>
                </c:pt>
                <c:pt idx="16">
                  <c:v>0.8</c:v>
                </c:pt>
                <c:pt idx="17">
                  <c:v>0</c:v>
                </c:pt>
                <c:pt idx="18">
                  <c:v>-0.4</c:v>
                </c:pt>
                <c:pt idx="19">
                  <c:v>0</c:v>
                </c:pt>
                <c:pt idx="20">
                  <c:v>-2.1</c:v>
                </c:pt>
                <c:pt idx="21">
                  <c:v>-1.7</c:v>
                </c:pt>
                <c:pt idx="22">
                  <c:v>0.4</c:v>
                </c:pt>
                <c:pt idx="23">
                  <c:v>-0.7</c:v>
                </c:pt>
                <c:pt idx="24">
                  <c:v>-2.8</c:v>
                </c:pt>
                <c:pt idx="25">
                  <c:v>0.1</c:v>
                </c:pt>
                <c:pt idx="26">
                  <c:v>0</c:v>
                </c:pt>
                <c:pt idx="27">
                  <c:v>-4.5999999999999996</c:v>
                </c:pt>
                <c:pt idx="28">
                  <c:v>-4.5</c:v>
                </c:pt>
                <c:pt idx="29">
                  <c:v>-4.7</c:v>
                </c:pt>
                <c:pt idx="30">
                  <c:v>-3.5</c:v>
                </c:pt>
                <c:pt idx="31">
                  <c:v>-3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20-D8B6-442A-90C4-A6E2609D8CB8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1"/>
        <c:axId val="2"/>
      </c:barChart>
      <c:catAx>
        <c:axId val="1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horzOverflow="overflow" vert="wordArtVertRtl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2"/>
        <c:crosses val="autoZero"/>
        <c:auto val="1"/>
        <c:lblAlgn val="ctr"/>
        <c:lblOffset val="100"/>
        <c:tickLblSkip val="1"/>
        <c:noMultiLvlLbl val="0"/>
      </c:catAx>
      <c:valAx>
        <c:axId val="2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horzOverflow="overflow" anchor="ctr" anchorCtr="1"/>
              <a:lstStyle/>
              <a:p>
                <a:pPr algn="ctr" rtl="0">
                  <a:defRPr sz="1100">
                    <a:solidFill>
                      <a:srgbClr val="000000"/>
                    </a:solidFill>
                  </a:defRPr>
                </a:pPr>
                <a:r>
                  <a:rPr lang="ja-JP" altLang="en-US" sz="1100" b="0" i="0" u="none" strike="noStrike" baseline="0">
                    <a:solidFill>
                      <a:srgbClr val="000000"/>
                    </a:solidFill>
                    <a:latin typeface="BIZ UDゴシック"/>
                    <a:ea typeface="BIZ UDゴシック"/>
                    <a:cs typeface="ＭＳ Ｐゴシック"/>
                  </a:rPr>
                  <a:t>％</a:t>
                </a:r>
              </a:p>
            </c:rich>
          </c:tx>
          <c:layout>
            <c:manualLayout>
              <c:xMode val="edge"/>
              <c:yMode val="edge"/>
              <c:x val="3.6237899412371023E-2"/>
              <c:y val="7.5350211992731675E-2"/>
            </c:manualLayout>
          </c:layout>
          <c:overlay val="0"/>
          <c:spPr>
            <a:noFill/>
            <a:ln w="25400">
              <a:noFill/>
            </a:ln>
          </c:spPr>
        </c:title>
        <c:numFmt formatCode="#,##0.0_ " sourceLinked="1"/>
        <c:majorTickMark val="out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horzOverflow="overflow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1"/>
        <c:crosses val="autoZero"/>
        <c:crossBetween val="between"/>
        <c:majorUnit val="2"/>
        <c:minorUnit val="1"/>
      </c:valAx>
      <c:spPr>
        <a:solidFill>
          <a:srgbClr val="FFFFCC"/>
        </a:solidFill>
        <a:ln w="12700">
          <a:solidFill>
            <a:srgbClr val="FFFFCC"/>
          </a:solidFill>
          <a:prstDash val="solid"/>
        </a:ln>
      </c:spPr>
    </c:plotArea>
    <c:plotVisOnly val="1"/>
    <c:dispBlanksAs val="gap"/>
    <c:showDLblsOverMax val="0"/>
  </c:chart>
  <c:spPr>
    <a:noFill/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/>
          <a:ea typeface="BIZ UDゴシック"/>
          <a:cs typeface="ＭＳ Ｐゴシック"/>
        </a:defRPr>
      </a:pPr>
      <a:endParaRPr lang="ja-JP"/>
    </a:p>
  </c:txPr>
  <c:extLst/>
</c:chartSpace>
</file>

<file path=xl/chart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F0B4663F-1A15-4C4B-8A70-5635044F077C}">
  <sheetPr codeName="Graph96"/>
  <sheetViews>
    <sheetView tabSelected="1" workbookViewId="0"/>
  </sheetViews>
  <pageMargins left="0.7" right="0.7" top="0.75" bottom="0.75" header="0.3" footer="0.3"/>
  <pageSetup paperSize="9" orientation="landscape"/>
  <drawing r:id="rId1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305925" cy="607695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D2636D5E-2050-45D7-B730-00B17BE51BB5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7/&#9675;hp%20R07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I2" t="str">
            <v>人口の
増減率
（R07/R06）</v>
          </cell>
        </row>
        <row r="53">
          <cell r="A53" t="str">
            <v>下タ</v>
          </cell>
          <cell r="I53">
            <v>-5.2</v>
          </cell>
        </row>
        <row r="54">
          <cell r="A54" t="str">
            <v>小羽</v>
          </cell>
          <cell r="I54">
            <v>-7</v>
          </cell>
        </row>
        <row r="55">
          <cell r="A55" t="str">
            <v>船峅</v>
          </cell>
          <cell r="I55">
            <v>-3.5</v>
          </cell>
        </row>
        <row r="56">
          <cell r="A56" t="str">
            <v>大沢野</v>
          </cell>
          <cell r="I56">
            <v>-1.5</v>
          </cell>
        </row>
        <row r="57">
          <cell r="A57" t="str">
            <v>大久保</v>
          </cell>
          <cell r="I57">
            <v>0.8</v>
          </cell>
        </row>
        <row r="58">
          <cell r="A58" t="str">
            <v>上滝</v>
          </cell>
          <cell r="I58">
            <v>-3.3</v>
          </cell>
        </row>
        <row r="59">
          <cell r="A59" t="str">
            <v>大山</v>
          </cell>
          <cell r="I59">
            <v>-2.6</v>
          </cell>
        </row>
        <row r="60">
          <cell r="A60" t="str">
            <v>大庄</v>
          </cell>
          <cell r="I60">
            <v>-2.2000000000000002</v>
          </cell>
        </row>
        <row r="61">
          <cell r="A61" t="str">
            <v>福沢</v>
          </cell>
          <cell r="I61">
            <v>-0.9</v>
          </cell>
        </row>
        <row r="62">
          <cell r="A62" t="str">
            <v>八尾</v>
          </cell>
          <cell r="I62">
            <v>-3.3</v>
          </cell>
        </row>
        <row r="63">
          <cell r="A63" t="str">
            <v>保内</v>
          </cell>
          <cell r="I63">
            <v>-3.1</v>
          </cell>
        </row>
        <row r="64">
          <cell r="A64" t="str">
            <v>杉原</v>
          </cell>
          <cell r="I64">
            <v>-1.3</v>
          </cell>
        </row>
        <row r="65">
          <cell r="A65" t="str">
            <v>卯花</v>
          </cell>
          <cell r="I65">
            <v>-2.1</v>
          </cell>
        </row>
        <row r="66">
          <cell r="A66" t="str">
            <v>室牧</v>
          </cell>
          <cell r="I66">
            <v>-3.6</v>
          </cell>
        </row>
        <row r="67">
          <cell r="A67" t="str">
            <v>黒瀬谷</v>
          </cell>
          <cell r="I67">
            <v>0</v>
          </cell>
        </row>
        <row r="68">
          <cell r="A68" t="str">
            <v>野積</v>
          </cell>
          <cell r="I68">
            <v>-5.8</v>
          </cell>
        </row>
        <row r="69">
          <cell r="A69" t="str">
            <v>仁歩</v>
          </cell>
          <cell r="I69">
            <v>0.8</v>
          </cell>
        </row>
        <row r="70">
          <cell r="A70" t="str">
            <v>大長谷</v>
          </cell>
          <cell r="I70">
            <v>0</v>
          </cell>
        </row>
        <row r="71">
          <cell r="A71" t="str">
            <v>速星</v>
          </cell>
          <cell r="I71">
            <v>-0.4</v>
          </cell>
        </row>
        <row r="72">
          <cell r="A72" t="str">
            <v>鵜坂</v>
          </cell>
          <cell r="I72">
            <v>0</v>
          </cell>
        </row>
        <row r="73">
          <cell r="A73" t="str">
            <v>朝日</v>
          </cell>
          <cell r="I73">
            <v>-2.1</v>
          </cell>
        </row>
        <row r="74">
          <cell r="A74" t="str">
            <v>宮川</v>
          </cell>
          <cell r="I74">
            <v>-1.7</v>
          </cell>
        </row>
        <row r="75">
          <cell r="A75" t="str">
            <v>婦中熊野</v>
          </cell>
          <cell r="I75">
            <v>0.4</v>
          </cell>
        </row>
        <row r="76">
          <cell r="A76" t="str">
            <v>古里</v>
          </cell>
          <cell r="I76">
            <v>-0.7</v>
          </cell>
        </row>
        <row r="77">
          <cell r="A77" t="str">
            <v>音川</v>
          </cell>
          <cell r="I77">
            <v>-2.8</v>
          </cell>
        </row>
        <row r="78">
          <cell r="A78" t="str">
            <v>神保</v>
          </cell>
          <cell r="I78">
            <v>0.1</v>
          </cell>
        </row>
        <row r="79">
          <cell r="A79" t="str">
            <v>山田南部</v>
          </cell>
          <cell r="I79">
            <v>0</v>
          </cell>
        </row>
        <row r="80">
          <cell r="A80" t="str">
            <v>山田中部</v>
          </cell>
          <cell r="I80">
            <v>-4.5999999999999996</v>
          </cell>
        </row>
        <row r="81">
          <cell r="A81" t="str">
            <v>山田西部</v>
          </cell>
          <cell r="I81">
            <v>-4.5</v>
          </cell>
        </row>
        <row r="82">
          <cell r="A82" t="str">
            <v>山田東部</v>
          </cell>
          <cell r="I82">
            <v>-4.7</v>
          </cell>
        </row>
        <row r="83">
          <cell r="A83" t="str">
            <v>細入北部</v>
          </cell>
          <cell r="I83">
            <v>-3.5</v>
          </cell>
        </row>
        <row r="84">
          <cell r="A84" t="str">
            <v>細入南部</v>
          </cell>
          <cell r="I84">
            <v>-3.6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２）大沢野～細入地域人口増減率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2-18T23:36:46Z</dcterms:created>
  <dcterms:modified xsi:type="dcterms:W3CDTF">2026-02-18T23:36:57Z</dcterms:modified>
</cp:coreProperties>
</file>